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2268" yWindow="1800" windowWidth="13092" windowHeight="8712"/>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13</definedName>
  </definedNames>
  <calcPr calcId="152511" calcMode="manual"/>
</workbook>
</file>

<file path=xl/sharedStrings.xml><?xml version="1.0" encoding="utf-8"?>
<sst xmlns="http://schemas.openxmlformats.org/spreadsheetml/2006/main" count="1107" uniqueCount="827">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日々の高校生活や進路について考えた時、誰かのアドバイスが心の支えになることもあります。そこで各分野で活躍する人たちが書いた体験談・将来をどう考えたのか等、参考になる読みやすい本を選びました。</t>
    <rPh sb="0" eb="2">
      <t>ヒビ</t>
    </rPh>
    <rPh sb="3" eb="5">
      <t>コウコウ</t>
    </rPh>
    <rPh sb="5" eb="7">
      <t>セイカツ</t>
    </rPh>
    <rPh sb="8" eb="10">
      <t>シンロ</t>
    </rPh>
    <rPh sb="14" eb="15">
      <t>カンガ</t>
    </rPh>
    <rPh sb="17" eb="18">
      <t>トキ</t>
    </rPh>
    <rPh sb="19" eb="20">
      <t>ダレ</t>
    </rPh>
    <rPh sb="28" eb="29">
      <t>ココロ</t>
    </rPh>
    <rPh sb="30" eb="31">
      <t>ササ</t>
    </rPh>
    <rPh sb="46" eb="47">
      <t>カク</t>
    </rPh>
    <rPh sb="47" eb="49">
      <t>ブンヤ</t>
    </rPh>
    <rPh sb="50" eb="52">
      <t>カツヤク</t>
    </rPh>
    <rPh sb="54" eb="55">
      <t>ヒト</t>
    </rPh>
    <rPh sb="58" eb="59">
      <t>カ</t>
    </rPh>
    <rPh sb="61" eb="63">
      <t>タイケン</t>
    </rPh>
    <rPh sb="63" eb="64">
      <t>ダン</t>
    </rPh>
    <rPh sb="65" eb="67">
      <t>ショウライ</t>
    </rPh>
    <rPh sb="70" eb="71">
      <t>カンガ</t>
    </rPh>
    <rPh sb="75" eb="76">
      <t>トウ</t>
    </rPh>
    <rPh sb="77" eb="79">
      <t>サンコウ</t>
    </rPh>
    <rPh sb="82" eb="83">
      <t>ヨ</t>
    </rPh>
    <rPh sb="87" eb="88">
      <t>ホン</t>
    </rPh>
    <rPh sb="89" eb="90">
      <t>エラ</t>
    </rPh>
    <phoneticPr fontId="1"/>
  </si>
  <si>
    <t>002</t>
    <phoneticPr fontId="1"/>
  </si>
  <si>
    <t xml:space="preserve">人はなぜ学ばなければならないのか </t>
    <phoneticPr fontId="1"/>
  </si>
  <si>
    <t>齋藤孝</t>
    <phoneticPr fontId="1"/>
  </si>
  <si>
    <t>実業之日本社</t>
    <phoneticPr fontId="1"/>
  </si>
  <si>
    <t>中谷彰宏　</t>
    <phoneticPr fontId="1"/>
  </si>
  <si>
    <t xml:space="preserve">ＰＨＰ研究所 </t>
    <phoneticPr fontId="1"/>
  </si>
  <si>
    <t>谷隆一</t>
    <phoneticPr fontId="1"/>
  </si>
  <si>
    <t xml:space="preserve">ぺりかん社 </t>
    <phoneticPr fontId="1"/>
  </si>
  <si>
    <t>ドリブルデザイナー岡部将和の挑戦を駆り立てる５０の言葉</t>
    <phoneticPr fontId="1"/>
  </si>
  <si>
    <t>岡部将和　</t>
    <phoneticPr fontId="1"/>
  </si>
  <si>
    <t>創元社</t>
    <phoneticPr fontId="1"/>
  </si>
  <si>
    <t>声優　声の職人</t>
    <phoneticPr fontId="1"/>
  </si>
  <si>
    <t>森川智之</t>
    <phoneticPr fontId="1"/>
  </si>
  <si>
    <t xml:space="preserve">岩波書店 </t>
    <phoneticPr fontId="1"/>
  </si>
  <si>
    <t>校内で体験する模擬選挙ではない実際の選挙で投票する前に、読んでおきたい本の１つ。</t>
    <rPh sb="0" eb="2">
      <t>コウナイ</t>
    </rPh>
    <rPh sb="3" eb="5">
      <t>タイケン</t>
    </rPh>
    <rPh sb="7" eb="9">
      <t>モギ</t>
    </rPh>
    <rPh sb="9" eb="11">
      <t>センキョ</t>
    </rPh>
    <rPh sb="15" eb="17">
      <t>ジッサイ</t>
    </rPh>
    <rPh sb="18" eb="20">
      <t>センキョ</t>
    </rPh>
    <rPh sb="21" eb="23">
      <t>トウヒョウ</t>
    </rPh>
    <rPh sb="25" eb="26">
      <t>マエ</t>
    </rPh>
    <rPh sb="28" eb="29">
      <t>ヨ</t>
    </rPh>
    <rPh sb="35" eb="36">
      <t>ホン</t>
    </rPh>
    <phoneticPr fontId="1"/>
  </si>
  <si>
    <t>嫌なことがあったら？人からの評価が気になる？夢を探している人へ、著者の体験から５０のアドバイス。</t>
    <rPh sb="0" eb="1">
      <t>イヤ</t>
    </rPh>
    <rPh sb="10" eb="11">
      <t>ヒト</t>
    </rPh>
    <rPh sb="14" eb="16">
      <t>ヒョウカ</t>
    </rPh>
    <rPh sb="17" eb="18">
      <t>キ</t>
    </rPh>
    <rPh sb="22" eb="23">
      <t>ユメ</t>
    </rPh>
    <rPh sb="24" eb="25">
      <t>サガ</t>
    </rPh>
    <rPh sb="29" eb="30">
      <t>ヒト</t>
    </rPh>
    <rPh sb="32" eb="34">
      <t>チョシャ</t>
    </rPh>
    <rPh sb="35" eb="37">
      <t>タイケン</t>
    </rPh>
    <phoneticPr fontId="1"/>
  </si>
  <si>
    <t>高校時代にしておく５０のこと</t>
    <phoneticPr fontId="1"/>
  </si>
  <si>
    <t>中高生からの選挙入門</t>
    <phoneticPr fontId="1"/>
  </si>
  <si>
    <t>159</t>
    <phoneticPr fontId="1"/>
  </si>
  <si>
    <t>314</t>
    <phoneticPr fontId="1"/>
  </si>
  <si>
    <t>159</t>
    <phoneticPr fontId="1"/>
  </si>
  <si>
    <t>778</t>
    <phoneticPr fontId="1"/>
  </si>
  <si>
    <t>永谷</t>
    <rPh sb="0" eb="2">
      <t>ナガヤ</t>
    </rPh>
    <phoneticPr fontId="1"/>
  </si>
  <si>
    <t>高等学校</t>
    <rPh sb="0" eb="2">
      <t>コウトウ</t>
    </rPh>
    <rPh sb="2" eb="4">
      <t>ガッコウ</t>
    </rPh>
    <phoneticPr fontId="1"/>
  </si>
  <si>
    <t>017</t>
    <phoneticPr fontId="1"/>
  </si>
  <si>
    <t>今勉強していることは将来必要？理科や数学、学校で学ぶことをはじめ読書の方法など、多角面から「学ぶ」を学ぶ１冊です。</t>
    <rPh sb="0" eb="1">
      <t>イマ</t>
    </rPh>
    <rPh sb="1" eb="3">
      <t>ベンキョウ</t>
    </rPh>
    <rPh sb="10" eb="12">
      <t>ショウライ</t>
    </rPh>
    <rPh sb="12" eb="14">
      <t>ヒツヨウ</t>
    </rPh>
    <rPh sb="15" eb="17">
      <t>リカ</t>
    </rPh>
    <rPh sb="18" eb="20">
      <t>スウガク</t>
    </rPh>
    <rPh sb="21" eb="23">
      <t>ガッコウ</t>
    </rPh>
    <rPh sb="24" eb="25">
      <t>マナ</t>
    </rPh>
    <rPh sb="32" eb="34">
      <t>ドクショ</t>
    </rPh>
    <rPh sb="35" eb="37">
      <t>ホウホウ</t>
    </rPh>
    <rPh sb="40" eb="42">
      <t>タカク</t>
    </rPh>
    <rPh sb="42" eb="43">
      <t>メン</t>
    </rPh>
    <rPh sb="46" eb="47">
      <t>マナ</t>
    </rPh>
    <rPh sb="50" eb="51">
      <t>マナ</t>
    </rPh>
    <rPh sb="53" eb="54">
      <t>サツ</t>
    </rPh>
    <phoneticPr fontId="1"/>
  </si>
  <si>
    <t>高校生という時間を過ごす全ての人に、高校生活を送るコツやヒントを50項目で紹介されています。</t>
    <rPh sb="0" eb="2">
      <t>コウコウ</t>
    </rPh>
    <rPh sb="2" eb="3">
      <t>セイ</t>
    </rPh>
    <rPh sb="6" eb="8">
      <t>ジカン</t>
    </rPh>
    <rPh sb="9" eb="10">
      <t>ス</t>
    </rPh>
    <rPh sb="12" eb="13">
      <t>スベ</t>
    </rPh>
    <rPh sb="15" eb="16">
      <t>ヒト</t>
    </rPh>
    <rPh sb="18" eb="20">
      <t>コウコウ</t>
    </rPh>
    <rPh sb="20" eb="22">
      <t>セイカツ</t>
    </rPh>
    <rPh sb="23" eb="24">
      <t>オク</t>
    </rPh>
    <rPh sb="34" eb="36">
      <t>コウモク</t>
    </rPh>
    <rPh sb="37" eb="39">
      <t>ショウカイ</t>
    </rPh>
    <phoneticPr fontId="1"/>
  </si>
  <si>
    <t>著者は社長であり次世代の職人を育て、自らも出演多数の現役の声の職人。胡坐をかくことなく歩む仕事の姿勢から進路のヒントを得られます。</t>
    <rPh sb="0" eb="2">
      <t>チョシャ</t>
    </rPh>
    <rPh sb="3" eb="5">
      <t>シャチョウ</t>
    </rPh>
    <rPh sb="8" eb="11">
      <t>ジセダイ</t>
    </rPh>
    <rPh sb="12" eb="14">
      <t>ショクニン</t>
    </rPh>
    <rPh sb="15" eb="16">
      <t>ソダ</t>
    </rPh>
    <rPh sb="18" eb="19">
      <t>ミズカ</t>
    </rPh>
    <rPh sb="21" eb="23">
      <t>シュツエン</t>
    </rPh>
    <rPh sb="23" eb="25">
      <t>タスウ</t>
    </rPh>
    <rPh sb="26" eb="28">
      <t>ゲンエキ</t>
    </rPh>
    <rPh sb="29" eb="30">
      <t>コエ</t>
    </rPh>
    <rPh sb="31" eb="33">
      <t>ショクニン</t>
    </rPh>
    <rPh sb="34" eb="36">
      <t>アグラ</t>
    </rPh>
    <rPh sb="43" eb="44">
      <t>アユ</t>
    </rPh>
    <rPh sb="45" eb="47">
      <t>シゴト</t>
    </rPh>
    <rPh sb="48" eb="50">
      <t>シセイ</t>
    </rPh>
    <rPh sb="52" eb="54">
      <t>シンロ</t>
    </rPh>
    <rPh sb="59" eb="60">
      <t>エ</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1">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4">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s>
  <cellStyleXfs count="1">
    <xf numFmtId="0" fontId="0" fillId="0" borderId="0"/>
  </cellStyleXfs>
  <cellXfs count="37">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11" xfId="0" applyFont="1" applyFill="1" applyBorder="1" applyAlignment="1">
      <alignment horizontal="center" wrapText="1"/>
    </xf>
    <xf numFmtId="49" fontId="4" fillId="3" borderId="8" xfId="0" quotePrefix="1"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49" fontId="4" fillId="0" borderId="1" xfId="0" applyNumberFormat="1" applyFont="1" applyFill="1" applyBorder="1" applyAlignment="1">
      <alignment horizontal="center" vertical="center"/>
    </xf>
    <xf numFmtId="0" fontId="9" fillId="0" borderId="3" xfId="0" applyFont="1" applyFill="1" applyBorder="1" applyAlignment="1">
      <alignment vertical="center" wrapText="1"/>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0" fontId="3" fillId="5" borderId="0" xfId="0" applyFont="1" applyFill="1" applyBorder="1" applyAlignment="1">
      <alignment horizontal="center"/>
    </xf>
    <xf numFmtId="0" fontId="9" fillId="0" borderId="9" xfId="0" applyFont="1" applyFill="1" applyBorder="1" applyAlignment="1">
      <alignment vertical="center" wrapText="1"/>
    </xf>
    <xf numFmtId="176" fontId="10" fillId="0" borderId="9" xfId="0" applyNumberFormat="1" applyFont="1" applyFill="1" applyBorder="1" applyAlignment="1">
      <alignment vertical="center" wrapText="1"/>
    </xf>
    <xf numFmtId="176" fontId="10" fillId="0" borderId="10" xfId="0" applyNumberFormat="1" applyFont="1" applyFill="1" applyBorder="1" applyAlignment="1">
      <alignment vertical="center" wrapText="1"/>
    </xf>
    <xf numFmtId="0" fontId="6" fillId="0" borderId="5" xfId="0" applyFont="1" applyFill="1" applyBorder="1" applyAlignment="1">
      <alignment vertical="top" wrapText="1"/>
    </xf>
    <xf numFmtId="0" fontId="6" fillId="0" borderId="6" xfId="0" applyFont="1" applyFill="1" applyBorder="1" applyAlignment="1">
      <alignment vertical="top" wrapText="1"/>
    </xf>
    <xf numFmtId="0" fontId="6" fillId="0" borderId="7" xfId="0" applyFont="1" applyFill="1" applyBorder="1" applyAlignment="1">
      <alignment vertical="top"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8" fillId="5" borderId="12" xfId="0" applyFont="1" applyFill="1" applyBorder="1" applyAlignment="1">
      <alignment horizontal="center" vertical="center"/>
    </xf>
    <xf numFmtId="0" fontId="8" fillId="5" borderId="12" xfId="0" applyFont="1" applyFill="1" applyBorder="1" applyAlignment="1">
      <alignment horizontal="left" vertical="center" wrapText="1"/>
    </xf>
    <xf numFmtId="0" fontId="8" fillId="5" borderId="12" xfId="0" applyFont="1" applyFill="1" applyBorder="1" applyAlignment="1">
      <alignment horizontal="left" vertical="center"/>
    </xf>
    <xf numFmtId="0" fontId="8" fillId="5" borderId="13" xfId="0" applyFont="1" applyFill="1" applyBorder="1" applyAlignment="1">
      <alignment horizontal="left" vertical="center"/>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13"/>
  <sheetViews>
    <sheetView tabSelected="1" view="pageBreakPreview" zoomScaleNormal="100" zoomScaleSheetLayoutView="100" workbookViewId="0">
      <selection activeCell="I14" sqref="I14"/>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22" t="s">
        <v>797</v>
      </c>
      <c r="D1" s="22"/>
      <c r="E1" s="22"/>
      <c r="F1" s="22"/>
      <c r="G1" s="22"/>
      <c r="H1" s="22"/>
      <c r="I1" s="22"/>
      <c r="J1" s="22"/>
      <c r="K1" s="4"/>
      <c r="L1" s="4"/>
    </row>
    <row r="2" spans="1:12" ht="18" customHeight="1">
      <c r="A2" s="7"/>
      <c r="B2" s="8"/>
      <c r="C2" s="9"/>
      <c r="D2" s="9"/>
      <c r="E2" s="9"/>
      <c r="F2" s="9"/>
      <c r="G2" s="9"/>
      <c r="H2" s="7"/>
      <c r="I2" s="7"/>
      <c r="J2" s="7"/>
      <c r="K2" s="7"/>
      <c r="L2" s="7"/>
    </row>
    <row r="3" spans="1:12" ht="35.1" customHeight="1">
      <c r="A3" s="7"/>
      <c r="B3" s="14" t="s">
        <v>5</v>
      </c>
      <c r="C3" s="29" t="s">
        <v>821</v>
      </c>
      <c r="D3" s="29"/>
      <c r="E3" s="30" t="s">
        <v>822</v>
      </c>
      <c r="F3" s="30"/>
      <c r="G3" s="31" t="s">
        <v>796</v>
      </c>
      <c r="H3" s="32"/>
      <c r="I3" s="18" t="s">
        <v>823</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26" t="s">
        <v>798</v>
      </c>
      <c r="C6" s="27"/>
      <c r="D6" s="27"/>
      <c r="E6" s="27"/>
      <c r="F6" s="27"/>
      <c r="G6" s="27"/>
      <c r="H6" s="27"/>
      <c r="I6" s="27"/>
      <c r="J6" s="27"/>
      <c r="K6" s="28"/>
      <c r="L6" s="7"/>
    </row>
    <row r="7" spans="1:12">
      <c r="A7" s="7"/>
      <c r="B7" s="11"/>
      <c r="C7" s="7"/>
      <c r="D7" s="7"/>
      <c r="E7" s="12"/>
      <c r="F7" s="7"/>
      <c r="G7" s="7"/>
      <c r="H7" s="7"/>
      <c r="I7" s="7"/>
      <c r="J7" s="7"/>
      <c r="K7" s="7"/>
      <c r="L7" s="7"/>
    </row>
    <row r="8" spans="1:12" ht="54.75" customHeight="1" thickBot="1">
      <c r="A8" s="7"/>
      <c r="B8" s="15" t="s">
        <v>3</v>
      </c>
      <c r="C8" s="33" t="s">
        <v>0</v>
      </c>
      <c r="D8" s="33"/>
      <c r="E8" s="33" t="s">
        <v>2</v>
      </c>
      <c r="F8" s="33"/>
      <c r="G8" s="33" t="s">
        <v>1</v>
      </c>
      <c r="H8" s="33"/>
      <c r="I8" s="34" t="s">
        <v>4</v>
      </c>
      <c r="J8" s="35"/>
      <c r="K8" s="36"/>
      <c r="L8" s="7"/>
    </row>
    <row r="9" spans="1:12" ht="39.75" customHeight="1" thickTop="1">
      <c r="A9" s="13">
        <v>1</v>
      </c>
      <c r="B9" s="16" t="s">
        <v>799</v>
      </c>
      <c r="C9" s="23" t="s">
        <v>800</v>
      </c>
      <c r="D9" s="23"/>
      <c r="E9" s="23" t="s">
        <v>801</v>
      </c>
      <c r="F9" s="23"/>
      <c r="G9" s="23" t="s">
        <v>802</v>
      </c>
      <c r="H9" s="23"/>
      <c r="I9" s="24" t="s">
        <v>824</v>
      </c>
      <c r="J9" s="24"/>
      <c r="K9" s="25"/>
      <c r="L9" s="7"/>
    </row>
    <row r="10" spans="1:12" ht="30" customHeight="1">
      <c r="A10" s="13">
        <v>2</v>
      </c>
      <c r="B10" s="17" t="s">
        <v>817</v>
      </c>
      <c r="C10" s="19" t="s">
        <v>815</v>
      </c>
      <c r="D10" s="19"/>
      <c r="E10" s="19" t="s">
        <v>803</v>
      </c>
      <c r="F10" s="19"/>
      <c r="G10" s="19" t="s">
        <v>804</v>
      </c>
      <c r="H10" s="19"/>
      <c r="I10" s="20" t="s">
        <v>825</v>
      </c>
      <c r="J10" s="20"/>
      <c r="K10" s="21"/>
      <c r="L10" s="7"/>
    </row>
    <row r="11" spans="1:12" ht="36.75" customHeight="1">
      <c r="A11" s="13">
        <v>3</v>
      </c>
      <c r="B11" s="17" t="s">
        <v>818</v>
      </c>
      <c r="C11" s="19" t="s">
        <v>816</v>
      </c>
      <c r="D11" s="19"/>
      <c r="E11" s="19" t="s">
        <v>805</v>
      </c>
      <c r="F11" s="19"/>
      <c r="G11" s="19" t="s">
        <v>806</v>
      </c>
      <c r="H11" s="19"/>
      <c r="I11" s="20" t="s">
        <v>813</v>
      </c>
      <c r="J11" s="20"/>
      <c r="K11" s="21"/>
      <c r="L11" s="7"/>
    </row>
    <row r="12" spans="1:12" ht="40.5" customHeight="1">
      <c r="A12" s="13">
        <v>4</v>
      </c>
      <c r="B12" s="17" t="s">
        <v>819</v>
      </c>
      <c r="C12" s="19" t="s">
        <v>807</v>
      </c>
      <c r="D12" s="19"/>
      <c r="E12" s="19" t="s">
        <v>808</v>
      </c>
      <c r="F12" s="19"/>
      <c r="G12" s="19" t="s">
        <v>809</v>
      </c>
      <c r="H12" s="19"/>
      <c r="I12" s="20" t="s">
        <v>814</v>
      </c>
      <c r="J12" s="20"/>
      <c r="K12" s="21"/>
      <c r="L12" s="7"/>
    </row>
    <row r="13" spans="1:12" ht="44.25" customHeight="1">
      <c r="A13" s="13">
        <v>5</v>
      </c>
      <c r="B13" s="17" t="s">
        <v>820</v>
      </c>
      <c r="C13" s="19" t="s">
        <v>810</v>
      </c>
      <c r="D13" s="19"/>
      <c r="E13" s="19" t="s">
        <v>811</v>
      </c>
      <c r="F13" s="19"/>
      <c r="G13" s="19" t="s">
        <v>812</v>
      </c>
      <c r="H13" s="19"/>
      <c r="I13" s="20" t="s">
        <v>826</v>
      </c>
      <c r="J13" s="20"/>
      <c r="K13" s="21"/>
      <c r="L13" s="7"/>
    </row>
  </sheetData>
  <mergeCells count="29">
    <mergeCell ref="B6:K6"/>
    <mergeCell ref="C3:D3"/>
    <mergeCell ref="E3:F3"/>
    <mergeCell ref="G3:H3"/>
    <mergeCell ref="C8:D8"/>
    <mergeCell ref="E8:F8"/>
    <mergeCell ref="G8:H8"/>
    <mergeCell ref="I8:K8"/>
    <mergeCell ref="I9:K9"/>
    <mergeCell ref="C10:D10"/>
    <mergeCell ref="E10:F10"/>
    <mergeCell ref="G10:H10"/>
    <mergeCell ref="I10:K10"/>
    <mergeCell ref="C13:D13"/>
    <mergeCell ref="E13:F13"/>
    <mergeCell ref="G13:H13"/>
    <mergeCell ref="I13:K13"/>
    <mergeCell ref="C1:J1"/>
    <mergeCell ref="C11:D11"/>
    <mergeCell ref="E11:F11"/>
    <mergeCell ref="G11:H11"/>
    <mergeCell ref="I11:K11"/>
    <mergeCell ref="C12:D12"/>
    <mergeCell ref="E12:F12"/>
    <mergeCell ref="G12:H12"/>
    <mergeCell ref="I12:K12"/>
    <mergeCell ref="C9:D9"/>
    <mergeCell ref="E9:F9"/>
    <mergeCell ref="G9:H9"/>
  </mergeCells>
  <phoneticPr fontId="1"/>
  <dataValidations count="1">
    <dataValidation imeMode="hiragana" allowBlank="1" showInputMessage="1" showErrorMessage="1" sqref="B6"/>
  </dataValidations>
  <pageMargins left="0.7" right="0.7" top="0.75" bottom="0.75" header="0.3" footer="0.3"/>
  <pageSetup paperSize="9" scale="85"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1-18T05:54:01Z</cp:lastPrinted>
  <dcterms:created xsi:type="dcterms:W3CDTF">2004-01-30T10:40:15Z</dcterms:created>
  <dcterms:modified xsi:type="dcterms:W3CDTF">2021-08-18T00:49:06Z</dcterms:modified>
</cp:coreProperties>
</file>